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8" d="100"/>
          <a:sy n="108" d="100"/>
        </p:scale>
        <p:origin x="73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eststellingwerf/"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B93B14D-A492-8DB5-DBFF-7A4F9B0EE10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9275" y="4871345"/>
            <a:ext cx="2004957" cy="175634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2E429129-CC46-5E31-C7F2-5BE4E8DACBB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9198" y="4385569"/>
            <a:ext cx="1061666" cy="93002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07-08T12:45:22Z</dcterms:modified>
</cp:coreProperties>
</file>